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4" uniqueCount="339">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たがしらレディースクリニック</t>
    <phoneticPr fontId="3"/>
  </si>
  <si>
    <t>〒690-0044 松江市浜乃木6-7-8</t>
    <phoneticPr fontId="3"/>
  </si>
  <si>
    <t>〇</t>
  </si>
  <si>
    <t>個人</t>
  </si>
  <si>
    <t>産婦人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2339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8</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8</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8</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8</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8</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2</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3</v>
      </c>
      <c r="K157" s="99" t="str">
        <f t="shared" ref="K157:K172" si="1">IF(OR(COUNTIF(L157:O157,"未確認")&gt;0,COUNTIF(L157:O157,"*")&gt;0),"※","")</f>
        <v/>
      </c>
      <c r="L157" s="167">
        <v>2</v>
      </c>
      <c r="M157" s="167">
        <v>0</v>
      </c>
      <c r="N157" s="167">
        <v>1</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9</v>
      </c>
      <c r="K159" s="99" t="str">
        <f t="shared" si="1"/>
        <v/>
      </c>
      <c r="L159" s="167">
        <v>4</v>
      </c>
      <c r="M159" s="167">
        <v>0</v>
      </c>
      <c r="N159" s="167">
        <v>5</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8</v>
      </c>
      <c r="K163" s="99" t="str">
        <f t="shared" si="1"/>
        <v/>
      </c>
      <c r="L163" s="167">
        <v>8</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334</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599</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2995</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602</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599</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599</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602</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602</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602</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602</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47</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602</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3T23:57:49Z</cp:lastPrinted>
  <dcterms:created xsi:type="dcterms:W3CDTF">2019-03-05T11:12:49Z</dcterms:created>
  <dcterms:modified xsi:type="dcterms:W3CDTF">2021-05-23T23:57:49Z</dcterms:modified>
</cp:coreProperties>
</file>